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8" r:id="rId2"/>
  </p:sldIdLst>
  <p:sldSz cx="10058400" cy="7772400"/>
  <p:notesSz cx="6858000" cy="9144000"/>
  <p:custDataLst>
    <p:tags r:id="rId3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136" userDrawn="1">
          <p15:clr>
            <a:srgbClr val="A4A3A4"/>
          </p15:clr>
        </p15:guide>
        <p15:guide id="2" orient="horz" pos="1327" userDrawn="1">
          <p15:clr>
            <a:srgbClr val="A4A3A4"/>
          </p15:clr>
        </p15:guide>
        <p15:guide id="3" orient="horz" pos="2565" userDrawn="1">
          <p15:clr>
            <a:srgbClr val="A4A3A4"/>
          </p15:clr>
        </p15:guide>
        <p15:guide id="4" orient="horz" pos="2910" userDrawn="1">
          <p15:clr>
            <a:srgbClr val="A4A3A4"/>
          </p15:clr>
        </p15:guide>
        <p15:guide id="5" orient="horz" pos="4149" userDrawn="1">
          <p15:clr>
            <a:srgbClr val="A4A3A4"/>
          </p15:clr>
        </p15:guide>
        <p15:guide id="6" orient="horz" pos="4291" userDrawn="1">
          <p15:clr>
            <a:srgbClr val="A4A3A4"/>
          </p15:clr>
        </p15:guide>
        <p15:guide id="7" pos="301" userDrawn="1">
          <p15:clr>
            <a:srgbClr val="A4A3A4"/>
          </p15:clr>
        </p15:guide>
        <p15:guide id="8" pos="2998" userDrawn="1">
          <p15:clr>
            <a:srgbClr val="A4A3A4"/>
          </p15:clr>
        </p15:guide>
        <p15:guide id="9" pos="3340" userDrawn="1">
          <p15:clr>
            <a:srgbClr val="A4A3A4"/>
          </p15:clr>
        </p15:guide>
        <p15:guide id="10" pos="6039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991" autoAdjust="0"/>
    <p:restoredTop sz="94660"/>
  </p:normalViewPr>
  <p:slideViewPr>
    <p:cSldViewPr snapToGrid="0" snapToObjects="1">
      <p:cViewPr varScale="1">
        <p:scale>
          <a:sx n="67" d="100"/>
          <a:sy n="67" d="100"/>
        </p:scale>
        <p:origin x="1404" y="72"/>
      </p:cViewPr>
      <p:guideLst>
        <p:guide orient="horz" pos="1136"/>
        <p:guide orient="horz" pos="1327"/>
        <p:guide orient="horz" pos="2565"/>
        <p:guide orient="horz" pos="2910"/>
        <p:guide orient="horz" pos="4149"/>
        <p:guide orient="horz" pos="4291"/>
        <p:guide pos="301"/>
        <p:guide pos="2998"/>
        <p:guide pos="3340"/>
        <p:guide pos="6039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3" Type="http://schemas.openxmlformats.org/officeDocument/2006/relationships/tags" Target="tags/tag1.xml"/><Relationship Id="rId7" Type="http://schemas.openxmlformats.org/officeDocument/2006/relationships/tableStyles" Target="tableStyle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theme" Target="theme/theme1.xml"/><Relationship Id="rId5" Type="http://schemas.openxmlformats.org/officeDocument/2006/relationships/viewProps" Target="viewProps.xml"/><Relationship Id="rId4" Type="http://schemas.openxmlformats.org/officeDocument/2006/relationships/presProps" Target="presProps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475488" y="1920240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868680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475488" y="3703320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475488" y="5852160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68305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404872" y="640080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703320" y="3703320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81169592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2103120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92669849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1608707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88028532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96433660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475488" y="4617720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06125778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475488" y="1325880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07291853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0546215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475488" y="2651760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868680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475488" y="4343400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475488" y="6812280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404872" y="457200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2404872" y="7009299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4914900" y="710186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" name="Rectangle 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294157" y="7031736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99630387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475488" y="457200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193381" y="1673352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457200" y="2039112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3719246828"/>
      </p:ext>
    </p:extLst>
  </p:cSld>
  <p:clrMapOvr>
    <a:masterClrMapping/>
  </p:clrMapOvr>
  <p:hf sldNum="0"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475488" y="1801368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02971287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475488" y="3977640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868680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475488" y="5440680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475488" y="68305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475488" y="5852160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404872" y="640080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84632" y="5440680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475488" y="1600200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819783384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602736" y="2103120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729984" y="2103120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340381703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1920240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3593592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475488" y="527608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7785842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1920240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3593592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475488" y="527608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303520" y="192024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303520" y="3593592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303520" y="527608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311085938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602736" y="21031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729984" y="21031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475488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602736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6729984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57425241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2798064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120640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443216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475488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2798064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120640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443216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68522119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475488" y="1325880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475488" y="2103120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08960" y="2103120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2889504" y="2103120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6342038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058400" cy="7772400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8997696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067544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2449774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224028" y="256032"/>
            <a:ext cx="9619489" cy="7251192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228600" y="2971800"/>
            <a:ext cx="8997696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228600" y="6016752"/>
            <a:ext cx="9628632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4982" y="3575304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4982" y="3181198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37226159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34670" y="1133856"/>
            <a:ext cx="2953512" cy="4434840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547872" y="1133856"/>
            <a:ext cx="2953512" cy="4434840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6766560" y="1128370"/>
            <a:ext cx="2953512" cy="4434840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8531352" y="795528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34670" y="5671109"/>
            <a:ext cx="938723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122219285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2899357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475488" y="1801368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7015897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5742844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9713613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475488" y="457200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475488" y="1737360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0160" lvl="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1234440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404872" y="457200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2404872" y="24688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475488" y="432240"/>
            <a:ext cx="65" cy="13221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4914900" y="708660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475488" y="7223760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US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294157" y="7031736"/>
            <a:ext cx="1288756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0160" indent="-6985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182880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384048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557784" indent="-219456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73152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1.xml"/><Relationship Id="rId1" Type="http://schemas.openxmlformats.org/officeDocument/2006/relationships/tags" Target="../tags/tag1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4924540" y="6816697"/>
            <a:ext cx="209321" cy="167457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24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</p:nvPr>
        </p:nvGraphicFramePr>
        <p:xfrm>
          <a:off x="859524" y="1970330"/>
          <a:ext cx="8339353" cy="4213994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97152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50613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75618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4105507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67457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1864" marR="83729" marT="16746" marB="8372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effectLst/>
                        </a:rPr>
                        <a:t>Date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1864" marR="83729" marT="16746" marB="8372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1" i="0" u="none" strike="noStrike" cap="none" baseline="0">
                          <a:effectLst/>
                        </a:rPr>
                        <a:t>Event</a:t>
                      </a:r>
                      <a:endParaRPr lang="en-US" sz="8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1864" marR="83729" marT="16746" marB="8372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1" i="0" u="none" strike="noStrike" cap="none" baseline="0">
                          <a:effectLst/>
                        </a:rPr>
                        <a:t>Key workstreams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1864" marR="83729" marT="16746" marB="8372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12613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8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1864" marR="83729" marT="16746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03/19/2020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1864" marR="83729" marT="16746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Documents</a:t>
                      </a:r>
                    </a:p>
                  </a:txBody>
                  <a:tcPr marL="41864" marR="83729" marT="16746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210312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Grant access to the Transaction Information Memorandum, vendor due-diligence reports, and financial forecasts on no reliance basis</a:t>
                      </a:r>
                    </a:p>
                    <a:p>
                      <a:pPr marL="210312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Document prepared to enable to submit of an indicative bid in respect of this Transaction and will be available via an online data room</a:t>
                      </a:r>
                    </a:p>
                    <a:p>
                      <a:pPr marL="210312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idders may submit no more than 20 questions via the form provided in Appendix I to Financial Advisor after 9 am on Apr 9, 2020, and no later than Apr 13, 2020, at 5 pm</a:t>
                      </a:r>
                    </a:p>
                    <a:p>
                      <a:pPr marL="210312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Responses to the questions submitted by the Bidders will be provided to all Bidders via the online data room. The source of each question will remain confidential</a:t>
                      </a:r>
                    </a:p>
                  </a:txBody>
                  <a:tcPr marL="41864" marR="83729" marT="16746" marB="0" anchor="ctr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12613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04/13/2020</a:t>
                      </a:r>
                    </a:p>
                  </a:txBody>
                  <a:tcPr marL="41864" marR="83729" marT="16746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Q&amp;A process</a:t>
                      </a:r>
                    </a:p>
                  </a:txBody>
                  <a:tcPr marL="41864" marR="83729" marT="16746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7180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05/13/2020</a:t>
                      </a:r>
                    </a:p>
                  </a:txBody>
                  <a:tcPr marL="41864" marR="83729" marT="16746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Receive</a:t>
                      </a:r>
                    </a:p>
                  </a:txBody>
                  <a:tcPr marL="41864" marR="83729" marT="16746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24752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8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1864" marR="83729" marT="16746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Late May 2020</a:t>
                      </a:r>
                    </a:p>
                  </a:txBody>
                  <a:tcPr marL="41864" marR="83729" marT="16746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hortlisted Bidders - Release of Process Letter Two</a:t>
                      </a:r>
                    </a:p>
                  </a:txBody>
                  <a:tcPr marL="41864" marR="83729" marT="16746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requirements:</a:t>
                      </a:r>
                    </a:p>
                    <a:p>
                      <a:pPr marL="210312" marR="0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Purchaser: Overview of the principal shareholders and ultimate parent company and the financial condition and capacity of the organization.</a:t>
                      </a:r>
                    </a:p>
                    <a:p>
                      <a:pPr marL="210312" marR="0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Purchase Price: Total cash consideration in U.S. dollars</a:t>
                      </a:r>
                    </a:p>
                    <a:p>
                      <a:pPr marL="210312" marR="0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ssumptions: Explanation of how the Company is valued, underlying methodologies, and the key financial metric(s)</a:t>
                      </a:r>
                    </a:p>
                    <a:p>
                      <a:pPr marL="210312" marR="0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ources of Funds: Confirmation to complete the Transaction</a:t>
                      </a:r>
                    </a:p>
                    <a:p>
                      <a:pPr marL="210312" marR="0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Due Diligence: Work done and work you intend to complete in the Final Bid Phase</a:t>
                      </a:r>
                    </a:p>
                    <a:p>
                      <a:pPr marL="210312" marR="0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Timing and Contingencies: Proposed timetable for consummating a Transaction and any material considerations affecting your timing</a:t>
                      </a:r>
                    </a:p>
                    <a:p>
                      <a:pPr marL="210312" marR="0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ructure: Short and long-term strategy and possible integration to fit in</a:t>
                      </a:r>
                    </a:p>
                    <a:p>
                      <a:pPr marL="210312" marR="0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dvisors: Names of any advisors (financial, legal, accounting, etc.)</a:t>
                      </a:r>
                    </a:p>
                    <a:p>
                      <a:pPr marL="210312" marR="0" lvl="1" indent="-210312" algn="just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dditional Information: Helpful information to continue investigation of the Company.</a:t>
                      </a:r>
                    </a:p>
                  </a:txBody>
                  <a:tcPr marL="41864" marR="83729" marT="16746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24752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July 2020</a:t>
                      </a:r>
                    </a:p>
                  </a:txBody>
                  <a:tcPr marL="41864" marR="83729" marT="16746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 Bid - Submit full and legally binding bids</a:t>
                      </a:r>
                    </a:p>
                  </a:txBody>
                  <a:tcPr marL="41864" marR="83729" marT="16746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861675" y="2176744"/>
            <a:ext cx="914326" cy="175460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3729" tIns="41864" rIns="83729" bIns="41864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099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861675" y="4021644"/>
            <a:ext cx="914326" cy="214246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3729" tIns="41864" rIns="83729" bIns="41864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099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68448829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SLIDEMASTERBRANDLOGORIGHT" val="754.56"/>
  <p:tag name="SLIDEMASTERBRANDLOGOBOTTOM" val="576"/>
  <p:tag name="SLIDEMASTERBRANDLOGOHEIGHT" val="22.32"/>
  <p:tag name="SLIDEMASTERBRANDLOGOWIDTH" val="102.96"/>
  <p:tag name="ISUNDOENTRY" val=""/>
  <p:tag name="ISROOTUNDO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"/>
  <p:tag name="SKIPCONVERSIONCHECK" val="true"/>
  <p:tag name="PITCHPROSLIDECOUNT" val="1"/>
  <p:tag name="SIZEANDPOSITION" val="8569db8a-2f8f-4be4-96d2-7eba77b048d6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Letter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2371ed14-b16b-4251-a66f-8169a77e0eda.potx" id="{C41E8DFA-0B2F-4452-968D-A0D493FBABE3}" vid="{E6289C63-3418-4D0A-8C18-BE9CDBB2D1B5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Letter</Template>
  <TotalTime>17</TotalTime>
  <Words>312</Words>
  <Application>Microsoft Office PowerPoint</Application>
  <PresentationFormat>Custom</PresentationFormat>
  <Paragraphs>31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6" baseType="lpstr">
      <vt:lpstr>Arial</vt:lpstr>
      <vt:lpstr>Arial Narrow</vt:lpstr>
      <vt:lpstr>Times New Roman</vt:lpstr>
      <vt:lpstr>Wingdings</vt:lpstr>
      <vt:lpstr>PP+ UnifiedGIB - Letter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Overview of auction process and key workstream</dc:title>
  <dc:creator>Guo, Dicky X</dc:creator>
  <cp:lastModifiedBy>Nandy, Ipsita</cp:lastModifiedBy>
  <cp:revision>6</cp:revision>
  <dcterms:created xsi:type="dcterms:W3CDTF">2020-04-17T07:45:47Z</dcterms:created>
  <dcterms:modified xsi:type="dcterms:W3CDTF">2022-03-22T15:25:43Z</dcterms:modified>
</cp:coreProperties>
</file>